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7859\Desktop\その他\事務長依頼HP\"/>
    </mc:Choice>
  </mc:AlternateContent>
  <xr:revisionPtr revIDLastSave="0" documentId="8_{844C8DFB-DDBA-4AFA-9A67-5F86F81CC7D8}" xr6:coauthVersionLast="47" xr6:coauthVersionMax="47" xr10:uidLastSave="{00000000-0000-0000-0000-000000000000}"/>
  <bookViews>
    <workbookView xWindow="-120" yWindow="-120" windowWidth="20730" windowHeight="11040" xr2:uid="{C100AF8F-861A-491B-B55B-EDDB89215510}"/>
  </bookViews>
  <sheets>
    <sheet name="Sheet1" sheetId="1" r:id="rId1"/>
  </sheets>
  <definedNames>
    <definedName name="_xlnm.Print_Area" localSheetId="0">Sheet1!$A$1:$M$32</definedName>
  </definedNames>
  <calcPr calcId="101716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0" uniqueCount="19">
  <si>
    <t>記</t>
    <rPh sb="0" eb="1">
      <t>キ</t>
    </rPh>
    <phoneticPr fontId="1"/>
  </si>
  <si>
    <t>質疑書</t>
    <rPh sb="0" eb="2">
      <t>シツギ</t>
    </rPh>
    <rPh sb="2" eb="3">
      <t>ショ</t>
    </rPh>
    <phoneticPr fontId="1"/>
  </si>
  <si>
    <t>番号</t>
    <rPh sb="0" eb="2">
      <t>バンゴウ</t>
    </rPh>
    <phoneticPr fontId="1"/>
  </si>
  <si>
    <t>質疑事項</t>
    <rPh sb="0" eb="2">
      <t>シツギ</t>
    </rPh>
    <rPh sb="2" eb="4">
      <t>ジコウ</t>
    </rPh>
    <phoneticPr fontId="1"/>
  </si>
  <si>
    <t>回答</t>
    <rPh sb="0" eb="2">
      <t>カイトウ</t>
    </rPh>
    <phoneticPr fontId="1"/>
  </si>
  <si>
    <t>図面番号</t>
    <rPh sb="0" eb="2">
      <t>ズメン</t>
    </rPh>
    <rPh sb="2" eb="4">
      <t>バンゴウ</t>
    </rPh>
    <phoneticPr fontId="1"/>
  </si>
  <si>
    <t>○○○○○○○○
と考えてよろしいでしょうか。</t>
    <rPh sb="10" eb="11">
      <t>カンガ</t>
    </rPh>
    <phoneticPr fontId="1"/>
  </si>
  <si>
    <t>質疑について</t>
    <rPh sb="0" eb="2">
      <t>シツギ</t>
    </rPh>
    <phoneticPr fontId="1"/>
  </si>
  <si>
    <t>入札参加業者名</t>
    <rPh sb="0" eb="2">
      <t>ニュウサツ</t>
    </rPh>
    <rPh sb="2" eb="4">
      <t>サンカ</t>
    </rPh>
    <rPh sb="4" eb="6">
      <t>ギョウシャ</t>
    </rPh>
    <rPh sb="6" eb="7">
      <t>メイ</t>
    </rPh>
    <phoneticPr fontId="1"/>
  </si>
  <si>
    <t>兵庫県契約担当者</t>
    <rPh sb="0" eb="3">
      <t>ヒョウゴケン</t>
    </rPh>
    <rPh sb="3" eb="5">
      <t>ケイヤク</t>
    </rPh>
    <rPh sb="5" eb="8">
      <t>タントウシャ</t>
    </rPh>
    <phoneticPr fontId="1"/>
  </si>
  <si>
    <t>標記のことについて、下記のとおり質疑書を提出します。</t>
    <rPh sb="0" eb="2">
      <t>ヒョウキ</t>
    </rPh>
    <rPh sb="10" eb="12">
      <t>カキ</t>
    </rPh>
    <rPh sb="16" eb="19">
      <t>シツギショ</t>
    </rPh>
    <rPh sb="20" eb="22">
      <t>テイシュツ</t>
    </rPh>
    <phoneticPr fontId="1"/>
  </si>
  <si>
    <t>図面
27/6</t>
    <rPh sb="0" eb="2">
      <t>ズメン</t>
    </rPh>
    <phoneticPr fontId="1"/>
  </si>
  <si>
    <t>内訳明細書
P５</t>
    <rPh sb="0" eb="2">
      <t>ウチワケ</t>
    </rPh>
    <rPh sb="2" eb="5">
      <t>メイサイショ</t>
    </rPh>
    <phoneticPr fontId="1"/>
  </si>
  <si>
    <t>件名</t>
    <rPh sb="0" eb="1">
      <t>ケン</t>
    </rPh>
    <rPh sb="1" eb="2">
      <t>メイ</t>
    </rPh>
    <phoneticPr fontId="1"/>
  </si>
  <si>
    <t>設置場所</t>
    <rPh sb="0" eb="2">
      <t>セッチ</t>
    </rPh>
    <rPh sb="2" eb="4">
      <t>バショ</t>
    </rPh>
    <phoneticPr fontId="1"/>
  </si>
  <si>
    <t>県立こやの里特別支援学校仮設校舎リース</t>
    <rPh sb="0" eb="2">
      <t>ケンリツ</t>
    </rPh>
    <rPh sb="5" eb="6">
      <t>サト</t>
    </rPh>
    <rPh sb="6" eb="8">
      <t>トクベツ</t>
    </rPh>
    <rPh sb="8" eb="10">
      <t>シエン</t>
    </rPh>
    <rPh sb="10" eb="12">
      <t>ガッコウ</t>
    </rPh>
    <rPh sb="12" eb="14">
      <t>カセツ</t>
    </rPh>
    <rPh sb="14" eb="16">
      <t>コウシャ</t>
    </rPh>
    <phoneticPr fontId="1"/>
  </si>
  <si>
    <t>令和７年○月○日</t>
    <rPh sb="0" eb="2">
      <t>レイワ</t>
    </rPh>
    <rPh sb="3" eb="4">
      <t>ネン</t>
    </rPh>
    <rPh sb="4" eb="5">
      <t>ヘイネン</t>
    </rPh>
    <rPh sb="5" eb="6">
      <t>ガツ</t>
    </rPh>
    <rPh sb="7" eb="8">
      <t>ニチ</t>
    </rPh>
    <phoneticPr fontId="1"/>
  </si>
  <si>
    <t>兵庫県立こやの里特別支援学校長　大𦚰　知子　様</t>
    <rPh sb="0" eb="3">
      <t>ヒョウゴケン</t>
    </rPh>
    <rPh sb="3" eb="4">
      <t>タ</t>
    </rPh>
    <rPh sb="7" eb="8">
      <t>サト</t>
    </rPh>
    <rPh sb="8" eb="10">
      <t>トクベツ</t>
    </rPh>
    <rPh sb="10" eb="12">
      <t>シエン</t>
    </rPh>
    <rPh sb="12" eb="15">
      <t>ガッコウチョウ</t>
    </rPh>
    <rPh sb="16" eb="19">
      <t>オオワキ</t>
    </rPh>
    <rPh sb="20" eb="22">
      <t>トモコ</t>
    </rPh>
    <rPh sb="23" eb="24">
      <t>サマ</t>
    </rPh>
    <phoneticPr fontId="1"/>
  </si>
  <si>
    <t>伊丹市瑞ケ丘２－３－２</t>
    <rPh sb="0" eb="3">
      <t>イタミシ</t>
    </rPh>
    <rPh sb="3" eb="6">
      <t>ミズガオ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vertical="center" textRotation="255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vertical="top"/>
    </xf>
    <xf numFmtId="0" fontId="2" fillId="0" borderId="0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2" borderId="0" xfId="0" applyFont="1" applyFill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5" xfId="0" applyFont="1" applyBorder="1" applyAlignment="1">
      <alignment horizontal="left" vertical="top" wrapText="1"/>
    </xf>
    <xf numFmtId="0" fontId="2" fillId="0" borderId="9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2" fillId="0" borderId="4" xfId="0" applyFont="1" applyBorder="1" applyAlignment="1">
      <alignment horizontal="left" vertical="top"/>
    </xf>
    <xf numFmtId="0" fontId="2" fillId="0" borderId="5" xfId="0" applyFont="1" applyBorder="1" applyAlignment="1">
      <alignment horizontal="left" vertical="top"/>
    </xf>
    <xf numFmtId="0" fontId="2" fillId="0" borderId="6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2776DE-3BF7-478C-822B-D9C78EE99C99}">
  <dimension ref="A1:M60"/>
  <sheetViews>
    <sheetView showGridLines="0" tabSelected="1" zoomScaleNormal="100" workbookViewId="0">
      <selection activeCell="F20" sqref="F20"/>
    </sheetView>
  </sheetViews>
  <sheetFormatPr defaultRowHeight="13.5" x14ac:dyDescent="0.15"/>
  <cols>
    <col min="1" max="1" width="2.625" style="1" customWidth="1"/>
    <col min="2" max="2" width="2.75" style="1" customWidth="1"/>
    <col min="3" max="3" width="1.875" style="1" customWidth="1"/>
    <col min="4" max="4" width="12.125" style="1" customWidth="1"/>
    <col min="5" max="6" width="9" style="1"/>
    <col min="7" max="7" width="10.875" style="1" customWidth="1"/>
    <col min="8" max="10" width="9" style="1"/>
    <col min="11" max="11" width="7.75" style="1" customWidth="1"/>
    <col min="12" max="13" width="2.625" style="1" customWidth="1"/>
    <col min="14" max="16384" width="9" style="1"/>
  </cols>
  <sheetData>
    <row r="1" spans="2:11" x14ac:dyDescent="0.15">
      <c r="K1" s="2" t="s">
        <v>16</v>
      </c>
    </row>
    <row r="2" spans="2:11" x14ac:dyDescent="0.15">
      <c r="K2" s="2"/>
    </row>
    <row r="3" spans="2:11" x14ac:dyDescent="0.15">
      <c r="K3" s="2"/>
    </row>
    <row r="4" spans="2:11" x14ac:dyDescent="0.15">
      <c r="B4" s="1" t="s">
        <v>9</v>
      </c>
      <c r="K4" s="2"/>
    </row>
    <row r="5" spans="2:11" x14ac:dyDescent="0.15">
      <c r="C5" s="15" t="s">
        <v>17</v>
      </c>
      <c r="D5" s="15"/>
      <c r="E5" s="15"/>
      <c r="F5" s="15"/>
      <c r="G5" s="15"/>
    </row>
    <row r="8" spans="2:11" x14ac:dyDescent="0.15">
      <c r="K8" s="2" t="s">
        <v>8</v>
      </c>
    </row>
    <row r="10" spans="2:11" x14ac:dyDescent="0.15">
      <c r="G10" s="3" t="s">
        <v>7</v>
      </c>
    </row>
    <row r="13" spans="2:11" x14ac:dyDescent="0.15">
      <c r="C13" s="1" t="s">
        <v>10</v>
      </c>
    </row>
    <row r="16" spans="2:11" x14ac:dyDescent="0.15">
      <c r="G16" s="3" t="s">
        <v>0</v>
      </c>
    </row>
    <row r="18" spans="2:13" x14ac:dyDescent="0.15">
      <c r="C18" s="3">
        <v>1</v>
      </c>
      <c r="D18" s="1" t="s">
        <v>13</v>
      </c>
      <c r="E18" s="15" t="s">
        <v>15</v>
      </c>
      <c r="F18" s="15"/>
      <c r="G18" s="15"/>
      <c r="H18" s="15"/>
      <c r="I18" s="15"/>
    </row>
    <row r="19" spans="2:13" x14ac:dyDescent="0.15">
      <c r="C19" s="3">
        <v>2</v>
      </c>
      <c r="D19" s="1" t="s">
        <v>14</v>
      </c>
      <c r="E19" s="15" t="s">
        <v>18</v>
      </c>
      <c r="F19" s="15"/>
      <c r="G19" s="15"/>
      <c r="H19" s="15"/>
      <c r="I19" s="15"/>
    </row>
    <row r="20" spans="2:13" x14ac:dyDescent="0.15">
      <c r="C20" s="3">
        <v>3</v>
      </c>
      <c r="D20" s="1" t="s">
        <v>1</v>
      </c>
    </row>
    <row r="22" spans="2:13" ht="34.5" customHeight="1" x14ac:dyDescent="0.15">
      <c r="B22" s="4" t="s">
        <v>2</v>
      </c>
      <c r="C22" s="32" t="s">
        <v>5</v>
      </c>
      <c r="D22" s="34"/>
      <c r="E22" s="32" t="s">
        <v>3</v>
      </c>
      <c r="F22" s="33"/>
      <c r="G22" s="34"/>
      <c r="H22" s="32" t="s">
        <v>4</v>
      </c>
      <c r="I22" s="33"/>
      <c r="J22" s="33"/>
      <c r="K22" s="33"/>
      <c r="L22" s="34"/>
      <c r="M22" s="5"/>
    </row>
    <row r="23" spans="2:13" ht="45" customHeight="1" x14ac:dyDescent="0.15">
      <c r="B23" s="16">
        <v>1</v>
      </c>
      <c r="C23" s="6"/>
      <c r="D23" s="24" t="s">
        <v>11</v>
      </c>
      <c r="E23" s="26" t="s">
        <v>6</v>
      </c>
      <c r="F23" s="27"/>
      <c r="G23" s="28"/>
      <c r="H23" s="6"/>
      <c r="I23" s="7"/>
      <c r="J23" s="7"/>
      <c r="K23" s="7"/>
      <c r="L23" s="8"/>
      <c r="M23" s="5"/>
    </row>
    <row r="24" spans="2:13" ht="45" customHeight="1" x14ac:dyDescent="0.15">
      <c r="B24" s="17"/>
      <c r="C24" s="9"/>
      <c r="D24" s="25"/>
      <c r="E24" s="29"/>
      <c r="F24" s="30"/>
      <c r="G24" s="31"/>
      <c r="H24" s="5"/>
      <c r="K24" s="10"/>
      <c r="L24" s="11"/>
      <c r="M24" s="5"/>
    </row>
    <row r="25" spans="2:13" ht="37.5" customHeight="1" x14ac:dyDescent="0.15">
      <c r="B25" s="16">
        <v>2</v>
      </c>
      <c r="C25" s="18"/>
      <c r="D25" s="19"/>
      <c r="E25" s="18"/>
      <c r="F25" s="22"/>
      <c r="G25" s="19"/>
      <c r="H25" s="6"/>
      <c r="I25" s="7"/>
      <c r="J25" s="7"/>
      <c r="K25" s="7"/>
      <c r="L25" s="8"/>
      <c r="M25" s="5"/>
    </row>
    <row r="26" spans="2:13" ht="45" customHeight="1" x14ac:dyDescent="0.15">
      <c r="B26" s="17"/>
      <c r="C26" s="20"/>
      <c r="D26" s="21"/>
      <c r="E26" s="20"/>
      <c r="F26" s="23"/>
      <c r="G26" s="21"/>
      <c r="H26" s="5"/>
      <c r="L26" s="11"/>
      <c r="M26" s="5"/>
    </row>
    <row r="27" spans="2:13" ht="33.75" customHeight="1" x14ac:dyDescent="0.15">
      <c r="B27" s="16">
        <v>3</v>
      </c>
      <c r="C27" s="18"/>
      <c r="D27" s="19"/>
      <c r="E27" s="18"/>
      <c r="F27" s="22"/>
      <c r="G27" s="19"/>
      <c r="H27" s="6"/>
      <c r="I27" s="7"/>
      <c r="J27" s="7"/>
      <c r="K27" s="7"/>
      <c r="L27" s="8"/>
      <c r="M27" s="5"/>
    </row>
    <row r="28" spans="2:13" ht="45" customHeight="1" x14ac:dyDescent="0.15">
      <c r="B28" s="17"/>
      <c r="C28" s="20"/>
      <c r="D28" s="21"/>
      <c r="E28" s="20"/>
      <c r="F28" s="23"/>
      <c r="G28" s="21"/>
      <c r="H28" s="5"/>
      <c r="L28" s="11"/>
      <c r="M28" s="5"/>
    </row>
    <row r="29" spans="2:13" ht="48.75" customHeight="1" x14ac:dyDescent="0.15">
      <c r="B29" s="16">
        <v>4</v>
      </c>
      <c r="D29" s="24" t="s">
        <v>12</v>
      </c>
      <c r="E29" s="26" t="s">
        <v>6</v>
      </c>
      <c r="F29" s="27"/>
      <c r="G29" s="28"/>
      <c r="H29" s="6"/>
      <c r="I29" s="7"/>
      <c r="J29" s="7"/>
      <c r="K29" s="7"/>
      <c r="L29" s="8"/>
      <c r="M29" s="5"/>
    </row>
    <row r="30" spans="2:13" ht="48.75" customHeight="1" x14ac:dyDescent="0.15">
      <c r="B30" s="17"/>
      <c r="C30" s="9"/>
      <c r="D30" s="25"/>
      <c r="E30" s="29"/>
      <c r="F30" s="30"/>
      <c r="G30" s="31"/>
      <c r="H30" s="5"/>
      <c r="L30" s="11"/>
      <c r="M30" s="5"/>
    </row>
    <row r="31" spans="2:13" ht="39.75" customHeight="1" x14ac:dyDescent="0.15">
      <c r="B31" s="16">
        <v>5</v>
      </c>
      <c r="C31" s="18"/>
      <c r="D31" s="19"/>
      <c r="E31" s="18"/>
      <c r="F31" s="22"/>
      <c r="G31" s="19"/>
      <c r="H31" s="6"/>
      <c r="I31" s="7"/>
      <c r="J31" s="7"/>
      <c r="K31" s="7"/>
      <c r="L31" s="8"/>
      <c r="M31" s="5"/>
    </row>
    <row r="32" spans="2:13" ht="69.75" customHeight="1" x14ac:dyDescent="0.15">
      <c r="B32" s="17"/>
      <c r="C32" s="20"/>
      <c r="D32" s="21"/>
      <c r="E32" s="20"/>
      <c r="F32" s="23"/>
      <c r="G32" s="21"/>
      <c r="H32" s="12"/>
      <c r="I32" s="13"/>
      <c r="J32" s="13"/>
      <c r="K32" s="13"/>
      <c r="L32" s="14"/>
      <c r="M32" s="5"/>
    </row>
    <row r="33" spans="1:2" x14ac:dyDescent="0.15">
      <c r="A33" s="10"/>
      <c r="B33" s="10"/>
    </row>
    <row r="34" spans="1:2" x14ac:dyDescent="0.15">
      <c r="A34" s="10"/>
      <c r="B34" s="10"/>
    </row>
    <row r="35" spans="1:2" x14ac:dyDescent="0.15">
      <c r="A35" s="10"/>
      <c r="B35" s="10"/>
    </row>
    <row r="36" spans="1:2" x14ac:dyDescent="0.15">
      <c r="A36" s="10"/>
      <c r="B36" s="10"/>
    </row>
    <row r="37" spans="1:2" x14ac:dyDescent="0.15">
      <c r="A37" s="10"/>
      <c r="B37" s="10"/>
    </row>
    <row r="38" spans="1:2" x14ac:dyDescent="0.15">
      <c r="A38" s="10"/>
      <c r="B38" s="10"/>
    </row>
    <row r="39" spans="1:2" x14ac:dyDescent="0.15">
      <c r="A39" s="10"/>
      <c r="B39" s="10"/>
    </row>
    <row r="40" spans="1:2" x14ac:dyDescent="0.15">
      <c r="A40" s="10"/>
      <c r="B40" s="10"/>
    </row>
    <row r="41" spans="1:2" x14ac:dyDescent="0.15">
      <c r="A41" s="10"/>
      <c r="B41" s="10"/>
    </row>
    <row r="42" spans="1:2" x14ac:dyDescent="0.15">
      <c r="A42" s="10"/>
      <c r="B42" s="10"/>
    </row>
    <row r="43" spans="1:2" x14ac:dyDescent="0.15">
      <c r="A43" s="10"/>
      <c r="B43" s="10"/>
    </row>
    <row r="44" spans="1:2" x14ac:dyDescent="0.15">
      <c r="A44" s="10"/>
      <c r="B44" s="10"/>
    </row>
    <row r="45" spans="1:2" x14ac:dyDescent="0.15">
      <c r="A45" s="10"/>
      <c r="B45" s="10"/>
    </row>
    <row r="46" spans="1:2" x14ac:dyDescent="0.15">
      <c r="A46" s="10"/>
      <c r="B46" s="10"/>
    </row>
    <row r="47" spans="1:2" x14ac:dyDescent="0.15">
      <c r="A47" s="10"/>
      <c r="B47" s="10"/>
    </row>
    <row r="48" spans="1:2" x14ac:dyDescent="0.15">
      <c r="A48" s="10"/>
      <c r="B48" s="10"/>
    </row>
    <row r="49" spans="1:2" x14ac:dyDescent="0.15">
      <c r="A49" s="10"/>
      <c r="B49" s="10"/>
    </row>
    <row r="50" spans="1:2" x14ac:dyDescent="0.15">
      <c r="A50" s="10"/>
      <c r="B50" s="10"/>
    </row>
    <row r="51" spans="1:2" x14ac:dyDescent="0.15">
      <c r="A51" s="10"/>
      <c r="B51" s="10"/>
    </row>
    <row r="52" spans="1:2" x14ac:dyDescent="0.15">
      <c r="A52" s="10"/>
      <c r="B52" s="10"/>
    </row>
    <row r="53" spans="1:2" x14ac:dyDescent="0.15">
      <c r="A53" s="10"/>
      <c r="B53" s="10"/>
    </row>
    <row r="54" spans="1:2" x14ac:dyDescent="0.15">
      <c r="A54" s="10"/>
      <c r="B54" s="10"/>
    </row>
    <row r="55" spans="1:2" x14ac:dyDescent="0.15">
      <c r="A55" s="10"/>
      <c r="B55" s="10"/>
    </row>
    <row r="56" spans="1:2" x14ac:dyDescent="0.15">
      <c r="A56" s="10"/>
      <c r="B56" s="10"/>
    </row>
    <row r="57" spans="1:2" x14ac:dyDescent="0.15">
      <c r="A57" s="10"/>
      <c r="B57" s="10"/>
    </row>
    <row r="58" spans="1:2" x14ac:dyDescent="0.15">
      <c r="A58" s="10"/>
      <c r="B58" s="10"/>
    </row>
    <row r="59" spans="1:2" x14ac:dyDescent="0.15">
      <c r="A59" s="10"/>
      <c r="B59" s="10"/>
    </row>
    <row r="60" spans="1:2" x14ac:dyDescent="0.15">
      <c r="A60" s="10"/>
    </row>
  </sheetData>
  <mergeCells count="18">
    <mergeCell ref="H22:L22"/>
    <mergeCell ref="C22:D22"/>
    <mergeCell ref="C25:D26"/>
    <mergeCell ref="C27:D28"/>
    <mergeCell ref="B23:B24"/>
    <mergeCell ref="E23:G24"/>
    <mergeCell ref="D23:D24"/>
    <mergeCell ref="E22:G22"/>
    <mergeCell ref="B25:B26"/>
    <mergeCell ref="B27:B28"/>
    <mergeCell ref="B29:B30"/>
    <mergeCell ref="B31:B32"/>
    <mergeCell ref="C31:D32"/>
    <mergeCell ref="E25:G26"/>
    <mergeCell ref="E27:G28"/>
    <mergeCell ref="E31:G32"/>
    <mergeCell ref="D29:D30"/>
    <mergeCell ref="E29:G30"/>
  </mergeCells>
  <phoneticPr fontId="1"/>
  <pageMargins left="0.78740157480314965" right="0.59055118110236227" top="0.98425196850393704" bottom="0.59055118110236227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兵庫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008187</dc:creator>
  <cp:lastModifiedBy>今井 成幸</cp:lastModifiedBy>
  <cp:lastPrinted>2025-08-28T04:38:38Z</cp:lastPrinted>
  <dcterms:created xsi:type="dcterms:W3CDTF">2008-05-27T01:44:35Z</dcterms:created>
  <dcterms:modified xsi:type="dcterms:W3CDTF">2025-08-28T23:22:25Z</dcterms:modified>
</cp:coreProperties>
</file>